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4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IZABELA JASTRZĘBOWSKA\2022\104 piżama\"/>
    </mc:Choice>
  </mc:AlternateContent>
  <xr:revisionPtr revIDLastSave="0" documentId="13_ncr:1_{632BE003-A347-4A4F-8095-8BAC617E7F05}" xr6:coauthVersionLast="47" xr6:coauthVersionMax="47" xr10:uidLastSave="{00000000-0000-0000-0000-000000000000}"/>
  <bookViews>
    <workbookView xWindow="2355" yWindow="3420" windowWidth="21600" windowHeight="11145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1" i="1" l="1"/>
  <c r="K11" i="1"/>
  <c r="I11" i="1"/>
  <c r="I10" i="1" l="1"/>
  <c r="K10" i="1" s="1"/>
  <c r="M10" i="1" s="1"/>
  <c r="I6" i="1"/>
  <c r="K6" i="1" s="1"/>
  <c r="M6" i="1" s="1"/>
  <c r="L6" i="1" s="1"/>
  <c r="I8" i="1"/>
  <c r="K8" i="1" s="1"/>
  <c r="I9" i="1"/>
  <c r="K9" i="1" s="1"/>
  <c r="M9" i="1" s="1"/>
  <c r="L9" i="1" s="1"/>
  <c r="I5" i="1"/>
  <c r="L10" i="1" l="1"/>
  <c r="M8" i="1"/>
  <c r="L8" i="1" s="1"/>
  <c r="K5" i="1"/>
  <c r="M5" i="1" l="1"/>
  <c r="L5" i="1" l="1"/>
</calcChain>
</file>

<file path=xl/sharedStrings.xml><?xml version="1.0" encoding="utf-8"?>
<sst xmlns="http://schemas.openxmlformats.org/spreadsheetml/2006/main" count="31" uniqueCount="26">
  <si>
    <t>L.p.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Stawka VAT</t>
  </si>
  <si>
    <t>Przedmiot zamówienia</t>
  </si>
  <si>
    <t>Opis produktu oferowanego (należy odnieśc się do każdego parametru wskazanego w opisie przedmiotu zamówienia)</t>
  </si>
  <si>
    <t>Załącznik nr 2 do Zaproszenia</t>
  </si>
  <si>
    <t>DZPZ/333/35/2022</t>
  </si>
  <si>
    <t>szt.</t>
  </si>
  <si>
    <r>
      <rPr>
        <b/>
        <sz val="11"/>
        <rFont val="Times New Roman"/>
        <family val="1"/>
        <charset val="238"/>
      </rPr>
      <t>Bluza piżamowa - rozmiar L</t>
    </r>
    <r>
      <rPr>
        <sz val="11"/>
        <rFont val="Times New Roman"/>
        <family val="1"/>
        <charset val="238"/>
      </rPr>
      <t xml:space="preserve">
Wykonanie z tkaniny bawełniano-poliestrowej o gramaturze max 140g/m2
Fason: bluza z długim rękawem zapinana z przodu na napy</t>
    </r>
  </si>
  <si>
    <r>
      <rPr>
        <b/>
        <sz val="11"/>
        <rFont val="Times New Roman"/>
        <family val="1"/>
        <charset val="238"/>
      </rPr>
      <t>Bluza piżamowa - rozmiar XL</t>
    </r>
    <r>
      <rPr>
        <sz val="11"/>
        <rFont val="Times New Roman"/>
        <family val="1"/>
        <charset val="238"/>
      </rPr>
      <t xml:space="preserve">
Wykonanie z tkaniny bawełniano-poliestrowej o gramaturze max 140g/m2
Fason: bluza z długim rękawem zapinana z przodu na napy</t>
    </r>
  </si>
  <si>
    <r>
      <rPr>
        <b/>
        <sz val="11"/>
        <rFont val="Times New Roman"/>
        <family val="1"/>
        <charset val="238"/>
      </rPr>
      <t>Spodnie piżamowe - rozmiar XL</t>
    </r>
    <r>
      <rPr>
        <sz val="11"/>
        <rFont val="Times New Roman"/>
        <family val="1"/>
        <charset val="238"/>
      </rPr>
      <t xml:space="preserve">
Wykonano z tkaniny bawełniano-poliestrowej o gramaturze max 140g/m2
Fason: spodnie wiązane na troki lub z gumką</t>
    </r>
  </si>
  <si>
    <r>
      <t xml:space="preserve">Bluza piżamowa - rozmiar 2XL                               </t>
    </r>
    <r>
      <rPr>
        <sz val="11"/>
        <rFont val="Times New Roman"/>
        <family val="1"/>
        <charset val="238"/>
      </rPr>
      <t xml:space="preserve">Wykonanie z tkaniny bawełniano-poliestrowej o gramaturze max 140g/m2                                                                  Fason: bluza z długim rękawem zapinana z przodu na napy                                                                              </t>
    </r>
  </si>
  <si>
    <r>
      <rPr>
        <b/>
        <sz val="11"/>
        <rFont val="Times New Roman"/>
        <family val="1"/>
        <charset val="238"/>
      </rPr>
      <t>Spodnie piżamowe - rozmiar L</t>
    </r>
    <r>
      <rPr>
        <sz val="11"/>
        <rFont val="Times New Roman"/>
        <family val="1"/>
        <charset val="238"/>
      </rPr>
      <t xml:space="preserve">
Wykonanie z tkaniny bawełniano-poliestrowej o gramaturze max 140g/m2
Fason: spodnie wiązane na troki lub z gumką</t>
    </r>
  </si>
  <si>
    <r>
      <t xml:space="preserve">Spodnie piżamowe - rozmiar 2XL </t>
    </r>
    <r>
      <rPr>
        <sz val="11"/>
        <rFont val="Times New Roman"/>
        <family val="1"/>
        <charset val="238"/>
      </rPr>
      <t>Wykonanie z tkaniny bawełniano-poliestrowej o gramaturze max 140g/m2</t>
    </r>
    <r>
      <rPr>
        <b/>
        <sz val="11"/>
        <rFont val="Times New Roman"/>
        <family val="1"/>
        <charset val="238"/>
      </rPr>
      <t xml:space="preserve">        </t>
    </r>
    <r>
      <rPr>
        <sz val="11"/>
        <rFont val="Times New Roman"/>
        <family val="1"/>
        <charset val="238"/>
      </rPr>
      <t>Fason: spodnie wiązane na troki lub z gumką</t>
    </r>
  </si>
  <si>
    <t>Wartość netto</t>
  </si>
  <si>
    <t>Wartość VAT</t>
  </si>
  <si>
    <t>Wartość brutto</t>
  </si>
  <si>
    <t xml:space="preserve"> nr katalogowy, producent, nazwa handlowa (tożsama z nazwą, która będzie widniała na fakturz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9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1"/>
      <name val="Times New Roman"/>
      <family val="1"/>
      <charset val="238"/>
    </font>
    <font>
      <b/>
      <sz val="1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24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6" fillId="3" borderId="1" xfId="1" applyBorder="1" applyAlignment="1">
      <alignment horizontal="center" vertical="center" wrapText="1"/>
    </xf>
    <xf numFmtId="0" fontId="7" fillId="0" borderId="1" xfId="0" applyFont="1" applyBorder="1" applyAlignment="1">
      <alignment horizontal="left" vertical="center" wrapText="1"/>
    </xf>
    <xf numFmtId="0" fontId="6" fillId="3" borderId="2" xfId="1" applyBorder="1" applyAlignment="1">
      <alignment horizontal="center" vertical="center"/>
    </xf>
    <xf numFmtId="0" fontId="8" fillId="0" borderId="1" xfId="0" applyFont="1" applyBorder="1" applyAlignment="1">
      <alignment horizontal="left" vertical="center" wrapText="1"/>
    </xf>
    <xf numFmtId="0" fontId="6" fillId="3" borderId="1" xfId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11"/>
  <sheetViews>
    <sheetView tabSelected="1" topLeftCell="A2" zoomScaleNormal="100" workbookViewId="0">
      <selection activeCell="D5" sqref="D5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53.140625" style="3" customWidth="1"/>
    <col min="4" max="4" width="42.5703125" style="3" customWidth="1"/>
    <col min="5" max="5" width="24.28515625" style="3" customWidth="1"/>
    <col min="6" max="13" width="10" style="3" customWidth="1"/>
    <col min="14" max="16384" width="9.140625" style="3"/>
  </cols>
  <sheetData>
    <row r="1" spans="2:13" ht="15.75" x14ac:dyDescent="0.25">
      <c r="B1" s="19" t="s">
        <v>14</v>
      </c>
      <c r="C1" s="19"/>
      <c r="D1" s="1" t="s">
        <v>8</v>
      </c>
      <c r="E1" s="2"/>
      <c r="F1" s="2"/>
      <c r="G1" s="2"/>
      <c r="H1" s="2"/>
      <c r="I1" s="20" t="s">
        <v>13</v>
      </c>
      <c r="J1" s="20"/>
      <c r="K1" s="20"/>
      <c r="L1" s="20"/>
      <c r="M1" s="20"/>
    </row>
    <row r="2" spans="2:13" ht="48" customHeight="1" x14ac:dyDescent="0.25">
      <c r="B2" s="18" t="s">
        <v>9</v>
      </c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</row>
    <row r="3" spans="2:13" x14ac:dyDescent="0.25">
      <c r="B3" s="17"/>
      <c r="C3" s="17"/>
      <c r="D3" s="17"/>
      <c r="E3" s="17"/>
      <c r="F3" s="17"/>
      <c r="G3" s="17"/>
      <c r="H3" s="17"/>
      <c r="I3" s="17"/>
      <c r="J3" s="17"/>
      <c r="K3" s="17"/>
      <c r="L3" s="17"/>
      <c r="M3" s="17"/>
    </row>
    <row r="4" spans="2:13" ht="75" x14ac:dyDescent="0.25">
      <c r="B4" s="7" t="s">
        <v>0</v>
      </c>
      <c r="C4" s="7" t="s">
        <v>11</v>
      </c>
      <c r="D4" s="7" t="s">
        <v>12</v>
      </c>
      <c r="E4" s="7" t="s">
        <v>25</v>
      </c>
      <c r="F4" s="7" t="s">
        <v>1</v>
      </c>
      <c r="G4" s="7" t="s">
        <v>2</v>
      </c>
      <c r="H4" s="7" t="s">
        <v>3</v>
      </c>
      <c r="I4" s="7" t="s">
        <v>4</v>
      </c>
      <c r="J4" s="7" t="s">
        <v>10</v>
      </c>
      <c r="K4" s="7" t="s">
        <v>5</v>
      </c>
      <c r="L4" s="7" t="s">
        <v>6</v>
      </c>
      <c r="M4" s="7" t="s">
        <v>7</v>
      </c>
    </row>
    <row r="5" spans="2:13" ht="60" x14ac:dyDescent="0.25">
      <c r="B5" s="9">
        <v>1</v>
      </c>
      <c r="C5" s="8" t="s">
        <v>16</v>
      </c>
      <c r="D5" s="4"/>
      <c r="E5" s="4"/>
      <c r="F5" s="4" t="s">
        <v>15</v>
      </c>
      <c r="G5" s="4">
        <v>100</v>
      </c>
      <c r="H5" s="5"/>
      <c r="I5" s="5">
        <f>G5*H5</f>
        <v>0</v>
      </c>
      <c r="J5" s="6"/>
      <c r="K5" s="5">
        <f>ROUND(I5*J5,2)</f>
        <v>0</v>
      </c>
      <c r="L5" s="5">
        <f>ROUND(M5/G5,2)</f>
        <v>0</v>
      </c>
      <c r="M5" s="5">
        <f>I5+K5</f>
        <v>0</v>
      </c>
    </row>
    <row r="6" spans="2:13" ht="60" x14ac:dyDescent="0.25">
      <c r="B6" s="9"/>
      <c r="C6" s="8" t="s">
        <v>17</v>
      </c>
      <c r="D6" s="4"/>
      <c r="E6" s="4"/>
      <c r="F6" s="4" t="s">
        <v>15</v>
      </c>
      <c r="G6" s="4">
        <v>150</v>
      </c>
      <c r="H6" s="5"/>
      <c r="I6" s="5">
        <f t="shared" ref="I6:I10" si="0">G6*H6</f>
        <v>0</v>
      </c>
      <c r="J6" s="6"/>
      <c r="K6" s="5">
        <f t="shared" ref="K6:K10" si="1">ROUND(I6*J6,2)</f>
        <v>0</v>
      </c>
      <c r="L6" s="5">
        <f t="shared" ref="L6:L10" si="2">ROUND(M6/G6,2)</f>
        <v>0</v>
      </c>
      <c r="M6" s="5">
        <f t="shared" ref="M6:M10" si="3">I6+K6</f>
        <v>0</v>
      </c>
    </row>
    <row r="7" spans="2:13" ht="59.25" x14ac:dyDescent="0.25">
      <c r="B7" s="9"/>
      <c r="C7" s="10" t="s">
        <v>19</v>
      </c>
      <c r="D7" s="4"/>
      <c r="E7" s="4"/>
      <c r="F7" s="4" t="s">
        <v>15</v>
      </c>
      <c r="G7" s="4">
        <v>50</v>
      </c>
      <c r="H7" s="5"/>
      <c r="I7" s="5">
        <v>0</v>
      </c>
      <c r="J7" s="6"/>
      <c r="K7" s="5">
        <v>0</v>
      </c>
      <c r="L7" s="5">
        <v>0</v>
      </c>
      <c r="M7" s="5">
        <v>0</v>
      </c>
    </row>
    <row r="8" spans="2:13" ht="60" x14ac:dyDescent="0.25">
      <c r="B8" s="9">
        <v>2</v>
      </c>
      <c r="C8" s="8" t="s">
        <v>20</v>
      </c>
      <c r="D8" s="4"/>
      <c r="E8" s="4"/>
      <c r="F8" s="4" t="s">
        <v>15</v>
      </c>
      <c r="G8" s="4">
        <v>100</v>
      </c>
      <c r="H8" s="5"/>
      <c r="I8" s="5">
        <f t="shared" si="0"/>
        <v>0</v>
      </c>
      <c r="J8" s="6"/>
      <c r="K8" s="5">
        <f t="shared" si="1"/>
        <v>0</v>
      </c>
      <c r="L8" s="5">
        <f t="shared" si="2"/>
        <v>0</v>
      </c>
      <c r="M8" s="5">
        <f t="shared" si="3"/>
        <v>0</v>
      </c>
    </row>
    <row r="9" spans="2:13" ht="60" x14ac:dyDescent="0.25">
      <c r="B9" s="9"/>
      <c r="C9" s="8" t="s">
        <v>18</v>
      </c>
      <c r="D9" s="4"/>
      <c r="E9" s="4"/>
      <c r="F9" s="4" t="s">
        <v>15</v>
      </c>
      <c r="G9" s="4">
        <v>150</v>
      </c>
      <c r="H9" s="5"/>
      <c r="I9" s="5">
        <f t="shared" si="0"/>
        <v>0</v>
      </c>
      <c r="J9" s="6"/>
      <c r="K9" s="5">
        <f t="shared" si="1"/>
        <v>0</v>
      </c>
      <c r="L9" s="5">
        <f t="shared" si="2"/>
        <v>0</v>
      </c>
      <c r="M9" s="5">
        <f t="shared" si="3"/>
        <v>0</v>
      </c>
    </row>
    <row r="10" spans="2:13" ht="45" x14ac:dyDescent="0.25">
      <c r="B10" s="11"/>
      <c r="C10" s="10" t="s">
        <v>21</v>
      </c>
      <c r="D10" s="4"/>
      <c r="E10" s="4"/>
      <c r="F10" s="4" t="s">
        <v>15</v>
      </c>
      <c r="G10" s="4">
        <v>50</v>
      </c>
      <c r="H10" s="5"/>
      <c r="I10" s="5">
        <f t="shared" si="0"/>
        <v>0</v>
      </c>
      <c r="J10" s="6"/>
      <c r="K10" s="5">
        <f t="shared" si="1"/>
        <v>0</v>
      </c>
      <c r="L10" s="5">
        <f t="shared" si="2"/>
        <v>0</v>
      </c>
      <c r="M10" s="5">
        <f t="shared" si="3"/>
        <v>0</v>
      </c>
    </row>
    <row r="11" spans="2:13" ht="25.5" x14ac:dyDescent="0.25">
      <c r="B11" s="21"/>
      <c r="C11" s="22"/>
      <c r="D11" s="22"/>
      <c r="E11" s="22"/>
      <c r="F11" s="22"/>
      <c r="G11" s="23"/>
      <c r="H11" s="12" t="s">
        <v>22</v>
      </c>
      <c r="I11" s="13">
        <f>SUM(I7:I10)</f>
        <v>0</v>
      </c>
      <c r="J11" s="14" t="s">
        <v>23</v>
      </c>
      <c r="K11" s="15">
        <f>SUM(K7:K10)</f>
        <v>0</v>
      </c>
      <c r="L11" s="16" t="s">
        <v>24</v>
      </c>
      <c r="M11" s="16">
        <f>SUM(M7:M10)</f>
        <v>0</v>
      </c>
    </row>
  </sheetData>
  <mergeCells count="5">
    <mergeCell ref="B3:M3"/>
    <mergeCell ref="B2:M2"/>
    <mergeCell ref="B1:C1"/>
    <mergeCell ref="I1:M1"/>
    <mergeCell ref="B11:G11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Beata Wachowicz</cp:lastModifiedBy>
  <cp:lastPrinted>2022-01-14T10:57:52Z</cp:lastPrinted>
  <dcterms:created xsi:type="dcterms:W3CDTF">2022-01-11T13:28:05Z</dcterms:created>
  <dcterms:modified xsi:type="dcterms:W3CDTF">2022-08-16T09:54:43Z</dcterms:modified>
</cp:coreProperties>
</file>